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7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2\2\"/>
    </mc:Choice>
  </mc:AlternateContent>
  <xr:revisionPtr revIDLastSave="0" documentId="13_ncr:1_{81507A1A-2C20-4F9B-9C4D-D67D7C64D9C0}" xr6:coauthVersionLast="36" xr6:coauthVersionMax="47" xr10:uidLastSave="{00000000-0000-0000-0000-000000000000}"/>
  <bookViews>
    <workbookView xWindow="1950" yWindow="1950" windowWidth="23670" windowHeight="12750" activeTab="1" xr2:uid="{00000000-000D-0000-FFFF-FFFF00000000}"/>
  </bookViews>
  <sheets>
    <sheet name="BusinessCorrect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105" uniqueCount="42">
  <si>
    <t xml:space="preserve">                               </t>
  </si>
  <si>
    <t xml:space="preserve">志治                           </t>
  </si>
  <si>
    <t>ID</t>
  </si>
  <si>
    <t>BusinessID</t>
  </si>
  <si>
    <t>BusinessDay</t>
  </si>
  <si>
    <t>CorrectMode</t>
  </si>
  <si>
    <t>UseNumber</t>
  </si>
  <si>
    <t>CustomerID</t>
  </si>
  <si>
    <t>CustName</t>
  </si>
  <si>
    <t>Uriage</t>
  </si>
  <si>
    <t>Tax</t>
  </si>
  <si>
    <t>RoomCharge</t>
  </si>
  <si>
    <t>IndoorSales</t>
  </si>
  <si>
    <t>OutdoorSales</t>
  </si>
  <si>
    <t>Sonota</t>
  </si>
  <si>
    <t>Discount</t>
  </si>
  <si>
    <t>Additional</t>
  </si>
  <si>
    <t>MoveDifference</t>
  </si>
  <si>
    <t>Advance</t>
  </si>
  <si>
    <t>Genkin</t>
  </si>
  <si>
    <t>PlaceID</t>
  </si>
  <si>
    <t>StartTime</t>
  </si>
  <si>
    <t>EndTime</t>
  </si>
  <si>
    <t>UseMinute</t>
  </si>
  <si>
    <t>ChargeID1</t>
  </si>
  <si>
    <t>ChargeID2</t>
  </si>
  <si>
    <t>Credit</t>
  </si>
  <si>
    <t>DigitalCash</t>
  </si>
  <si>
    <t>MoneyTicket</t>
  </si>
  <si>
    <t>SubID</t>
  </si>
  <si>
    <t>RealTime</t>
  </si>
  <si>
    <t>EmployeeID</t>
  </si>
  <si>
    <t>Employe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9" tint="0.59999389629810485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0" fontId="0" fillId="33" borderId="10" xfId="0" applyFill="1" applyBorder="1">
      <alignment vertical="center"/>
    </xf>
    <xf numFmtId="0" fontId="0" fillId="0" borderId="10" xfId="0" applyBorder="1">
      <alignment vertical="center"/>
    </xf>
    <xf numFmtId="22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FCAF28E3-8248-4854-A5DD-109941192920}" name="テーブル1" displayName="テーブル1" ref="A1:F63" totalsRowShown="0">
  <autoFilter ref="A1:F63" xr:uid="{FCAF28E3-8248-4854-A5DD-109941192920}"/>
  <tableColumns count="6">
    <tableColumn id="1" xr3:uid="{C58A4080-A7CF-413F-85AD-11EC6C7A533D}" name="ID"/>
    <tableColumn id="2" xr3:uid="{ADD72050-93EE-42D6-A39C-6B850E40D9A0}" name="TERMINATOR"/>
    <tableColumn id="3" xr3:uid="{C73E3DFA-3807-460F-A9DB-84A4736E33F4}" name="MAX_LENGTH"/>
    <tableColumn id="4" xr3:uid="{344ACA58-BF59-43F5-B151-CF18E0F86028}" name="COLLATION"/>
    <tableColumn id="5" xr3:uid="{D5092F75-8B0E-4FBE-A47D-49950FB14371}" name="SOURCE"/>
    <tableColumn id="6" xr3:uid="{41623313-A5BE-4A22-912D-8223B7F9F06A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E3"/>
  <sheetViews>
    <sheetView workbookViewId="0">
      <selection activeCell="F7" sqref="F7"/>
    </sheetView>
  </sheetViews>
  <sheetFormatPr defaultRowHeight="18.75" x14ac:dyDescent="0.4"/>
  <cols>
    <col min="1" max="1" width="4.5" bestFit="1" customWidth="1"/>
    <col min="2" max="2" width="7.5" bestFit="1" customWidth="1"/>
    <col min="3" max="3" width="14.75" bestFit="1" customWidth="1"/>
    <col min="4" max="6" width="2.5" bestFit="1" customWidth="1"/>
    <col min="7" max="7" width="17.75" bestFit="1" customWidth="1"/>
    <col min="8" max="8" width="5.5" bestFit="1" customWidth="1"/>
    <col min="9" max="9" width="4.5" bestFit="1" customWidth="1"/>
    <col min="10" max="11" width="5.5" bestFit="1" customWidth="1"/>
    <col min="12" max="16" width="2.5" bestFit="1" customWidth="1"/>
    <col min="17" max="18" width="5.5" bestFit="1" customWidth="1"/>
    <col min="19" max="19" width="2.5" bestFit="1" customWidth="1"/>
    <col min="20" max="21" width="14.75" bestFit="1" customWidth="1"/>
    <col min="22" max="22" width="4.5" bestFit="1" customWidth="1"/>
    <col min="23" max="23" width="3.5" bestFit="1" customWidth="1"/>
    <col min="24" max="28" width="2.5" bestFit="1" customWidth="1"/>
    <col min="29" max="29" width="14.75" bestFit="1" customWidth="1"/>
    <col min="30" max="30" width="2.5" bestFit="1" customWidth="1"/>
    <col min="31" max="31" width="19.75" bestFit="1" customWidth="1"/>
  </cols>
  <sheetData>
    <row r="1" spans="1:31" x14ac:dyDescent="0.4">
      <c r="A1" s="1" t="s">
        <v>2</v>
      </c>
      <c r="B1" s="1" t="s">
        <v>3</v>
      </c>
      <c r="C1" s="1" t="s">
        <v>4</v>
      </c>
      <c r="D1" s="1" t="s">
        <v>5</v>
      </c>
      <c r="E1" s="1" t="s">
        <v>6</v>
      </c>
      <c r="F1" s="1" t="s">
        <v>7</v>
      </c>
      <c r="G1" s="1" t="s">
        <v>8</v>
      </c>
      <c r="H1" s="1" t="s">
        <v>9</v>
      </c>
      <c r="I1" s="1" t="s">
        <v>10</v>
      </c>
      <c r="J1" s="1" t="s">
        <v>11</v>
      </c>
      <c r="K1" s="1" t="s">
        <v>12</v>
      </c>
      <c r="L1" s="1" t="s">
        <v>13</v>
      </c>
      <c r="M1" s="1" t="s">
        <v>14</v>
      </c>
      <c r="N1" s="1" t="s">
        <v>15</v>
      </c>
      <c r="O1" s="1" t="s">
        <v>16</v>
      </c>
      <c r="P1" s="1" t="s">
        <v>17</v>
      </c>
      <c r="Q1" s="1" t="s">
        <v>18</v>
      </c>
      <c r="R1" s="1" t="s">
        <v>19</v>
      </c>
      <c r="S1" s="1" t="s">
        <v>20</v>
      </c>
      <c r="T1" s="1" t="s">
        <v>21</v>
      </c>
      <c r="U1" s="1" t="s">
        <v>22</v>
      </c>
      <c r="V1" s="1" t="s">
        <v>23</v>
      </c>
      <c r="W1" s="1" t="s">
        <v>24</v>
      </c>
      <c r="X1" s="1" t="s">
        <v>25</v>
      </c>
      <c r="Y1" s="1" t="s">
        <v>26</v>
      </c>
      <c r="Z1" s="1" t="s">
        <v>27</v>
      </c>
      <c r="AA1" s="1" t="s">
        <v>28</v>
      </c>
      <c r="AB1" s="1" t="s">
        <v>29</v>
      </c>
      <c r="AC1" s="1" t="s">
        <v>30</v>
      </c>
      <c r="AD1" s="1" t="s">
        <v>31</v>
      </c>
      <c r="AE1" s="1" t="s">
        <v>32</v>
      </c>
    </row>
    <row r="2" spans="1:31" x14ac:dyDescent="0.4">
      <c r="A2" s="2">
        <v>167</v>
      </c>
      <c r="B2" s="2">
        <v>157813</v>
      </c>
      <c r="C2" s="3">
        <v>42877</v>
      </c>
      <c r="D2" s="2">
        <v>1</v>
      </c>
      <c r="E2" s="2">
        <v>2</v>
      </c>
      <c r="F2" s="2">
        <v>0</v>
      </c>
      <c r="G2" s="2" t="s">
        <v>0</v>
      </c>
      <c r="H2" s="2">
        <v>6566</v>
      </c>
      <c r="I2" s="2">
        <v>486</v>
      </c>
      <c r="J2" s="2">
        <v>3200</v>
      </c>
      <c r="K2" s="2">
        <v>2880</v>
      </c>
      <c r="L2" s="2">
        <v>0</v>
      </c>
      <c r="M2" s="2">
        <v>0</v>
      </c>
      <c r="N2" s="2">
        <v>0</v>
      </c>
      <c r="O2" s="2">
        <v>0</v>
      </c>
      <c r="P2" s="2">
        <v>0</v>
      </c>
      <c r="Q2" s="2">
        <v>3456</v>
      </c>
      <c r="R2" s="2">
        <v>6566</v>
      </c>
      <c r="S2" s="2">
        <v>6</v>
      </c>
      <c r="T2" s="3">
        <v>42878.011805555558</v>
      </c>
      <c r="U2" s="3">
        <v>42878.167361111111</v>
      </c>
      <c r="V2" s="2">
        <v>224</v>
      </c>
      <c r="W2" s="2">
        <v>51</v>
      </c>
      <c r="X2" s="2">
        <v>0</v>
      </c>
      <c r="Y2" s="2">
        <v>0</v>
      </c>
      <c r="Z2" s="2">
        <v>0</v>
      </c>
      <c r="AA2" s="2">
        <v>0</v>
      </c>
      <c r="AB2" s="2">
        <v>1</v>
      </c>
      <c r="AC2" s="3">
        <v>42878.272916666669</v>
      </c>
      <c r="AD2" s="2">
        <v>1</v>
      </c>
      <c r="AE2" s="2" t="s">
        <v>1</v>
      </c>
    </row>
    <row r="3" spans="1:31" x14ac:dyDescent="0.4">
      <c r="A3" s="2">
        <v>168</v>
      </c>
      <c r="B3" s="2">
        <v>157813</v>
      </c>
      <c r="C3" s="3">
        <v>42877</v>
      </c>
      <c r="D3" s="2">
        <v>1</v>
      </c>
      <c r="E3" s="2">
        <v>2</v>
      </c>
      <c r="F3" s="2">
        <v>0</v>
      </c>
      <c r="G3" s="2" t="s">
        <v>0</v>
      </c>
      <c r="H3" s="2">
        <v>3456</v>
      </c>
      <c r="I3" s="2">
        <v>256</v>
      </c>
      <c r="J3" s="2">
        <v>3200</v>
      </c>
      <c r="K3" s="2">
        <v>0</v>
      </c>
      <c r="L3" s="2">
        <v>0</v>
      </c>
      <c r="M3" s="2">
        <v>0</v>
      </c>
      <c r="N3" s="2">
        <v>0</v>
      </c>
      <c r="O3" s="2">
        <v>0</v>
      </c>
      <c r="P3" s="2">
        <v>0</v>
      </c>
      <c r="Q3" s="2">
        <v>0</v>
      </c>
      <c r="R3" s="2">
        <v>3456</v>
      </c>
      <c r="S3" s="2">
        <v>6</v>
      </c>
      <c r="T3" s="3">
        <v>42878.011805555558</v>
      </c>
      <c r="U3" s="3">
        <v>42878.167361111111</v>
      </c>
      <c r="V3" s="2">
        <v>224</v>
      </c>
      <c r="W3" s="2">
        <v>51</v>
      </c>
      <c r="X3" s="2">
        <v>0</v>
      </c>
      <c r="Y3" s="2">
        <v>0</v>
      </c>
      <c r="Z3" s="2">
        <v>0</v>
      </c>
      <c r="AA3" s="2">
        <v>0</v>
      </c>
      <c r="AB3" s="2">
        <v>2</v>
      </c>
      <c r="AC3" s="3">
        <v>42878.272916666669</v>
      </c>
      <c r="AD3" s="2">
        <v>1</v>
      </c>
      <c r="AE3" s="2" t="s">
        <v>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63"/>
  <sheetViews>
    <sheetView tabSelected="1" workbookViewId="0"/>
  </sheetViews>
  <sheetFormatPr defaultRowHeight="18.75" x14ac:dyDescent="0.4"/>
  <sheetData>
    <row r="1" spans="1:6" x14ac:dyDescent="0.4">
      <c r="A1" t="s">
        <v>33</v>
      </c>
      <c r="B1" t="s">
        <v>34</v>
      </c>
      <c r="C1" t="s">
        <v>35</v>
      </c>
      <c r="D1" t="s">
        <v>36</v>
      </c>
      <c r="E1" t="s">
        <v>37</v>
      </c>
      <c r="F1" t="s">
        <v>38</v>
      </c>
    </row>
    <row r="2" spans="1:6" x14ac:dyDescent="0.4">
      <c r="A2">
        <v>1</v>
      </c>
      <c r="B2" s="4" t="s">
        <v>39</v>
      </c>
      <c r="C2">
        <v>12</v>
      </c>
      <c r="D2" s="4"/>
      <c r="F2" s="4"/>
    </row>
    <row r="3" spans="1:6" x14ac:dyDescent="0.4">
      <c r="A3">
        <v>2</v>
      </c>
      <c r="B3" s="4" t="s">
        <v>39</v>
      </c>
      <c r="C3">
        <v>12</v>
      </c>
      <c r="D3" s="4"/>
      <c r="F3" s="4"/>
    </row>
    <row r="4" spans="1:6" x14ac:dyDescent="0.4">
      <c r="A4">
        <v>3</v>
      </c>
      <c r="B4" s="4" t="s">
        <v>39</v>
      </c>
      <c r="C4">
        <v>24</v>
      </c>
      <c r="D4" s="4"/>
      <c r="F4" s="4"/>
    </row>
    <row r="5" spans="1:6" x14ac:dyDescent="0.4">
      <c r="A5">
        <v>4</v>
      </c>
      <c r="B5" s="4" t="s">
        <v>39</v>
      </c>
      <c r="C5">
        <v>12</v>
      </c>
      <c r="D5" s="4"/>
      <c r="F5" s="4"/>
    </row>
    <row r="6" spans="1:6" x14ac:dyDescent="0.4">
      <c r="A6">
        <v>5</v>
      </c>
      <c r="B6" s="4" t="s">
        <v>39</v>
      </c>
      <c r="C6">
        <v>12</v>
      </c>
      <c r="D6" s="4"/>
      <c r="F6" s="4"/>
    </row>
    <row r="7" spans="1:6" x14ac:dyDescent="0.4">
      <c r="A7">
        <v>6</v>
      </c>
      <c r="B7" s="4" t="s">
        <v>39</v>
      </c>
      <c r="C7">
        <v>12</v>
      </c>
      <c r="D7" s="4"/>
      <c r="F7" s="4"/>
    </row>
    <row r="8" spans="1:6" x14ac:dyDescent="0.4">
      <c r="A8">
        <v>7</v>
      </c>
      <c r="B8" s="4" t="s">
        <v>39</v>
      </c>
      <c r="C8">
        <v>31</v>
      </c>
      <c r="D8" s="4" t="s">
        <v>40</v>
      </c>
      <c r="F8" s="4"/>
    </row>
    <row r="9" spans="1:6" x14ac:dyDescent="0.4">
      <c r="A9">
        <v>8</v>
      </c>
      <c r="B9" s="4" t="s">
        <v>39</v>
      </c>
      <c r="C9">
        <v>12</v>
      </c>
      <c r="D9" s="4"/>
      <c r="F9" s="4"/>
    </row>
    <row r="10" spans="1:6" x14ac:dyDescent="0.4">
      <c r="A10">
        <v>9</v>
      </c>
      <c r="B10" s="4" t="s">
        <v>39</v>
      </c>
      <c r="C10">
        <v>12</v>
      </c>
      <c r="D10" s="4"/>
      <c r="F10" s="4"/>
    </row>
    <row r="11" spans="1:6" x14ac:dyDescent="0.4">
      <c r="A11">
        <v>10</v>
      </c>
      <c r="B11" s="4" t="s">
        <v>39</v>
      </c>
      <c r="C11">
        <v>12</v>
      </c>
      <c r="D11" s="4"/>
      <c r="F11" s="4"/>
    </row>
    <row r="12" spans="1:6" x14ac:dyDescent="0.4">
      <c r="A12">
        <v>11</v>
      </c>
      <c r="B12" s="4" t="s">
        <v>39</v>
      </c>
      <c r="C12">
        <v>12</v>
      </c>
      <c r="D12" s="4"/>
      <c r="F12" s="4"/>
    </row>
    <row r="13" spans="1:6" x14ac:dyDescent="0.4">
      <c r="A13">
        <v>12</v>
      </c>
      <c r="B13" s="4" t="s">
        <v>39</v>
      </c>
      <c r="C13">
        <v>12</v>
      </c>
      <c r="D13" s="4"/>
      <c r="F13" s="4"/>
    </row>
    <row r="14" spans="1:6" x14ac:dyDescent="0.4">
      <c r="A14">
        <v>13</v>
      </c>
      <c r="B14" s="4" t="s">
        <v>39</v>
      </c>
      <c r="C14">
        <v>12</v>
      </c>
      <c r="D14" s="4"/>
      <c r="F14" s="4"/>
    </row>
    <row r="15" spans="1:6" x14ac:dyDescent="0.4">
      <c r="A15">
        <v>14</v>
      </c>
      <c r="B15" s="4" t="s">
        <v>39</v>
      </c>
      <c r="C15">
        <v>12</v>
      </c>
      <c r="D15" s="4"/>
      <c r="F15" s="4"/>
    </row>
    <row r="16" spans="1:6" x14ac:dyDescent="0.4">
      <c r="A16">
        <v>15</v>
      </c>
      <c r="B16" s="4" t="s">
        <v>39</v>
      </c>
      <c r="C16">
        <v>12</v>
      </c>
      <c r="D16" s="4"/>
      <c r="F16" s="4"/>
    </row>
    <row r="17" spans="1:6" x14ac:dyDescent="0.4">
      <c r="A17">
        <v>16</v>
      </c>
      <c r="B17" s="4" t="s">
        <v>39</v>
      </c>
      <c r="C17">
        <v>12</v>
      </c>
      <c r="D17" s="4"/>
      <c r="F17" s="4"/>
    </row>
    <row r="18" spans="1:6" x14ac:dyDescent="0.4">
      <c r="A18">
        <v>17</v>
      </c>
      <c r="B18" s="4" t="s">
        <v>39</v>
      </c>
      <c r="C18">
        <v>12</v>
      </c>
      <c r="D18" s="4"/>
      <c r="F18" s="4"/>
    </row>
    <row r="19" spans="1:6" x14ac:dyDescent="0.4">
      <c r="A19">
        <v>18</v>
      </c>
      <c r="B19" s="4" t="s">
        <v>39</v>
      </c>
      <c r="C19">
        <v>12</v>
      </c>
      <c r="D19" s="4"/>
      <c r="F19" s="4"/>
    </row>
    <row r="20" spans="1:6" x14ac:dyDescent="0.4">
      <c r="A20">
        <v>19</v>
      </c>
      <c r="B20" s="4" t="s">
        <v>39</v>
      </c>
      <c r="C20">
        <v>12</v>
      </c>
      <c r="D20" s="4"/>
      <c r="F20" s="4"/>
    </row>
    <row r="21" spans="1:6" x14ac:dyDescent="0.4">
      <c r="A21">
        <v>20</v>
      </c>
      <c r="B21" s="4" t="s">
        <v>39</v>
      </c>
      <c r="C21">
        <v>24</v>
      </c>
      <c r="D21" s="4"/>
      <c r="F21" s="4"/>
    </row>
    <row r="22" spans="1:6" x14ac:dyDescent="0.4">
      <c r="A22">
        <v>21</v>
      </c>
      <c r="B22" s="4" t="s">
        <v>39</v>
      </c>
      <c r="C22">
        <v>24</v>
      </c>
      <c r="D22" s="4"/>
      <c r="F22" s="4"/>
    </row>
    <row r="23" spans="1:6" x14ac:dyDescent="0.4">
      <c r="A23">
        <v>22</v>
      </c>
      <c r="B23" s="4" t="s">
        <v>39</v>
      </c>
      <c r="C23">
        <v>12</v>
      </c>
      <c r="D23" s="4"/>
      <c r="F23" s="4"/>
    </row>
    <row r="24" spans="1:6" x14ac:dyDescent="0.4">
      <c r="A24">
        <v>23</v>
      </c>
      <c r="B24" s="4" t="s">
        <v>39</v>
      </c>
      <c r="C24">
        <v>12</v>
      </c>
      <c r="D24" s="4"/>
      <c r="F24" s="4"/>
    </row>
    <row r="25" spans="1:6" x14ac:dyDescent="0.4">
      <c r="A25">
        <v>24</v>
      </c>
      <c r="B25" s="4" t="s">
        <v>39</v>
      </c>
      <c r="C25">
        <v>12</v>
      </c>
      <c r="D25" s="4"/>
      <c r="F25" s="4"/>
    </row>
    <row r="26" spans="1:6" x14ac:dyDescent="0.4">
      <c r="A26">
        <v>25</v>
      </c>
      <c r="B26" s="4" t="s">
        <v>39</v>
      </c>
      <c r="C26">
        <v>12</v>
      </c>
      <c r="D26" s="4"/>
      <c r="F26" s="4"/>
    </row>
    <row r="27" spans="1:6" x14ac:dyDescent="0.4">
      <c r="A27">
        <v>26</v>
      </c>
      <c r="B27" s="4" t="s">
        <v>39</v>
      </c>
      <c r="C27">
        <v>12</v>
      </c>
      <c r="D27" s="4"/>
      <c r="F27" s="4"/>
    </row>
    <row r="28" spans="1:6" x14ac:dyDescent="0.4">
      <c r="A28">
        <v>27</v>
      </c>
      <c r="B28" s="4" t="s">
        <v>39</v>
      </c>
      <c r="C28">
        <v>12</v>
      </c>
      <c r="D28" s="4"/>
      <c r="F28" s="4"/>
    </row>
    <row r="29" spans="1:6" x14ac:dyDescent="0.4">
      <c r="A29">
        <v>28</v>
      </c>
      <c r="B29" s="4" t="s">
        <v>39</v>
      </c>
      <c r="C29">
        <v>12</v>
      </c>
      <c r="D29" s="4"/>
      <c r="F29" s="4"/>
    </row>
    <row r="30" spans="1:6" x14ac:dyDescent="0.4">
      <c r="A30">
        <v>29</v>
      </c>
      <c r="B30" s="4" t="s">
        <v>39</v>
      </c>
      <c r="C30">
        <v>24</v>
      </c>
      <c r="D30" s="4"/>
      <c r="F30" s="4"/>
    </row>
    <row r="31" spans="1:6" x14ac:dyDescent="0.4">
      <c r="A31">
        <v>30</v>
      </c>
      <c r="B31" s="4" t="s">
        <v>39</v>
      </c>
      <c r="C31">
        <v>12</v>
      </c>
      <c r="D31" s="4"/>
      <c r="F31" s="4"/>
    </row>
    <row r="32" spans="1:6" x14ac:dyDescent="0.4">
      <c r="A32">
        <v>31</v>
      </c>
      <c r="B32" s="4" t="s">
        <v>41</v>
      </c>
      <c r="C32">
        <v>31</v>
      </c>
      <c r="D32" s="4" t="s">
        <v>40</v>
      </c>
      <c r="F32" s="4"/>
    </row>
    <row r="33" spans="2:6" x14ac:dyDescent="0.4">
      <c r="B33" s="4"/>
      <c r="D33" s="4"/>
      <c r="E33">
        <v>1</v>
      </c>
      <c r="F33" s="4" t="s">
        <v>2</v>
      </c>
    </row>
    <row r="34" spans="2:6" x14ac:dyDescent="0.4">
      <c r="B34" s="4"/>
      <c r="D34" s="4"/>
      <c r="E34">
        <v>2</v>
      </c>
      <c r="F34" s="4" t="s">
        <v>3</v>
      </c>
    </row>
    <row r="35" spans="2:6" x14ac:dyDescent="0.4">
      <c r="B35" s="4"/>
      <c r="D35" s="4"/>
      <c r="E35">
        <v>3</v>
      </c>
      <c r="F35" s="4" t="s">
        <v>4</v>
      </c>
    </row>
    <row r="36" spans="2:6" x14ac:dyDescent="0.4">
      <c r="B36" s="4"/>
      <c r="D36" s="4"/>
      <c r="E36">
        <v>4</v>
      </c>
      <c r="F36" s="4" t="s">
        <v>5</v>
      </c>
    </row>
    <row r="37" spans="2:6" x14ac:dyDescent="0.4">
      <c r="B37" s="4"/>
      <c r="D37" s="4"/>
      <c r="E37">
        <v>5</v>
      </c>
      <c r="F37" s="4" t="s">
        <v>6</v>
      </c>
    </row>
    <row r="38" spans="2:6" x14ac:dyDescent="0.4">
      <c r="B38" s="4"/>
      <c r="D38" s="4"/>
      <c r="E38">
        <v>6</v>
      </c>
      <c r="F38" s="4" t="s">
        <v>7</v>
      </c>
    </row>
    <row r="39" spans="2:6" x14ac:dyDescent="0.4">
      <c r="B39" s="4"/>
      <c r="D39" s="4"/>
      <c r="E39">
        <v>7</v>
      </c>
      <c r="F39" s="4" t="s">
        <v>8</v>
      </c>
    </row>
    <row r="40" spans="2:6" x14ac:dyDescent="0.4">
      <c r="B40" s="4"/>
      <c r="D40" s="4"/>
      <c r="E40">
        <v>8</v>
      </c>
      <c r="F40" s="4" t="s">
        <v>9</v>
      </c>
    </row>
    <row r="41" spans="2:6" x14ac:dyDescent="0.4">
      <c r="B41" s="4"/>
      <c r="D41" s="4"/>
      <c r="E41">
        <v>9</v>
      </c>
      <c r="F41" s="4" t="s">
        <v>10</v>
      </c>
    </row>
    <row r="42" spans="2:6" x14ac:dyDescent="0.4">
      <c r="B42" s="4"/>
      <c r="D42" s="4"/>
      <c r="E42">
        <v>10</v>
      </c>
      <c r="F42" s="4" t="s">
        <v>11</v>
      </c>
    </row>
    <row r="43" spans="2:6" x14ac:dyDescent="0.4">
      <c r="B43" s="4"/>
      <c r="D43" s="4"/>
      <c r="E43">
        <v>11</v>
      </c>
      <c r="F43" s="4" t="s">
        <v>12</v>
      </c>
    </row>
    <row r="44" spans="2:6" x14ac:dyDescent="0.4">
      <c r="B44" s="4"/>
      <c r="D44" s="4"/>
      <c r="E44">
        <v>12</v>
      </c>
      <c r="F44" s="4" t="s">
        <v>13</v>
      </c>
    </row>
    <row r="45" spans="2:6" x14ac:dyDescent="0.4">
      <c r="B45" s="4"/>
      <c r="D45" s="4"/>
      <c r="E45">
        <v>13</v>
      </c>
      <c r="F45" s="4" t="s">
        <v>14</v>
      </c>
    </row>
    <row r="46" spans="2:6" x14ac:dyDescent="0.4">
      <c r="B46" s="4"/>
      <c r="D46" s="4"/>
      <c r="E46">
        <v>14</v>
      </c>
      <c r="F46" s="4" t="s">
        <v>15</v>
      </c>
    </row>
    <row r="47" spans="2:6" x14ac:dyDescent="0.4">
      <c r="B47" s="4"/>
      <c r="D47" s="4"/>
      <c r="E47">
        <v>15</v>
      </c>
      <c r="F47" s="4" t="s">
        <v>16</v>
      </c>
    </row>
    <row r="48" spans="2:6" x14ac:dyDescent="0.4">
      <c r="B48" s="4"/>
      <c r="D48" s="4"/>
      <c r="E48">
        <v>16</v>
      </c>
      <c r="F48" s="4" t="s">
        <v>17</v>
      </c>
    </row>
    <row r="49" spans="2:6" x14ac:dyDescent="0.4">
      <c r="B49" s="4"/>
      <c r="D49" s="4"/>
      <c r="E49">
        <v>17</v>
      </c>
      <c r="F49" s="4" t="s">
        <v>18</v>
      </c>
    </row>
    <row r="50" spans="2:6" x14ac:dyDescent="0.4">
      <c r="B50" s="4"/>
      <c r="D50" s="4"/>
      <c r="E50">
        <v>18</v>
      </c>
      <c r="F50" s="4" t="s">
        <v>19</v>
      </c>
    </row>
    <row r="51" spans="2:6" x14ac:dyDescent="0.4">
      <c r="B51" s="4"/>
      <c r="D51" s="4"/>
      <c r="E51">
        <v>19</v>
      </c>
      <c r="F51" s="4" t="s">
        <v>20</v>
      </c>
    </row>
    <row r="52" spans="2:6" x14ac:dyDescent="0.4">
      <c r="B52" s="4"/>
      <c r="D52" s="4"/>
      <c r="E52">
        <v>20</v>
      </c>
      <c r="F52" s="4" t="s">
        <v>21</v>
      </c>
    </row>
    <row r="53" spans="2:6" x14ac:dyDescent="0.4">
      <c r="B53" s="4"/>
      <c r="D53" s="4"/>
      <c r="E53">
        <v>21</v>
      </c>
      <c r="F53" s="4" t="s">
        <v>22</v>
      </c>
    </row>
    <row r="54" spans="2:6" x14ac:dyDescent="0.4">
      <c r="B54" s="4"/>
      <c r="D54" s="4"/>
      <c r="E54">
        <v>22</v>
      </c>
      <c r="F54" s="4" t="s">
        <v>23</v>
      </c>
    </row>
    <row r="55" spans="2:6" x14ac:dyDescent="0.4">
      <c r="B55" s="4"/>
      <c r="D55" s="4"/>
      <c r="E55">
        <v>23</v>
      </c>
      <c r="F55" s="4" t="s">
        <v>24</v>
      </c>
    </row>
    <row r="56" spans="2:6" x14ac:dyDescent="0.4">
      <c r="B56" s="4"/>
      <c r="D56" s="4"/>
      <c r="E56">
        <v>24</v>
      </c>
      <c r="F56" s="4" t="s">
        <v>25</v>
      </c>
    </row>
    <row r="57" spans="2:6" x14ac:dyDescent="0.4">
      <c r="B57" s="4"/>
      <c r="D57" s="4"/>
      <c r="E57">
        <v>25</v>
      </c>
      <c r="F57" s="4" t="s">
        <v>26</v>
      </c>
    </row>
    <row r="58" spans="2:6" x14ac:dyDescent="0.4">
      <c r="B58" s="4"/>
      <c r="D58" s="4"/>
      <c r="E58">
        <v>26</v>
      </c>
      <c r="F58" s="4" t="s">
        <v>27</v>
      </c>
    </row>
    <row r="59" spans="2:6" x14ac:dyDescent="0.4">
      <c r="B59" s="4"/>
      <c r="D59" s="4"/>
      <c r="E59">
        <v>27</v>
      </c>
      <c r="F59" s="4" t="s">
        <v>28</v>
      </c>
    </row>
    <row r="60" spans="2:6" x14ac:dyDescent="0.4">
      <c r="B60" s="4"/>
      <c r="D60" s="4"/>
      <c r="E60">
        <v>28</v>
      </c>
      <c r="F60" s="4" t="s">
        <v>29</v>
      </c>
    </row>
    <row r="61" spans="2:6" x14ac:dyDescent="0.4">
      <c r="B61" s="4"/>
      <c r="D61" s="4"/>
      <c r="E61">
        <v>29</v>
      </c>
      <c r="F61" s="4" t="s">
        <v>30</v>
      </c>
    </row>
    <row r="62" spans="2:6" x14ac:dyDescent="0.4">
      <c r="B62" s="4"/>
      <c r="D62" s="4"/>
      <c r="E62">
        <v>30</v>
      </c>
      <c r="F62" s="4" t="s">
        <v>31</v>
      </c>
    </row>
    <row r="63" spans="2:6" x14ac:dyDescent="0.4">
      <c r="B63" s="4"/>
      <c r="D63" s="4"/>
      <c r="E63">
        <v>31</v>
      </c>
      <c r="F63" s="4" t="s">
        <v>32</v>
      </c>
    </row>
  </sheetData>
  <phoneticPr fontId="18"/>
  <pageMargins left="0.7" right="0.7" top="0.75" bottom="0.75" header="0.3" footer="0.3"/>
  <tableParts count="1">
    <tablePart r:id="rId1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11774F-B0C1-4C12-85F6-69010E42C3A1}">
  <dimension ref="A1"/>
  <sheetViews>
    <sheetView workbookViewId="0"/>
  </sheetViews>
  <sheetFormatPr defaultRowHeight="18.75" x14ac:dyDescent="0.4"/>
  <sheetData/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BusinessCorrect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08:59:36Z</dcterms:created>
  <dcterms:modified xsi:type="dcterms:W3CDTF">2024-02-29T04:38:54Z</dcterms:modified>
</cp:coreProperties>
</file>